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029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data\s8956\デスクトップ\HP掲載様式\"/>
    </mc:Choice>
  </mc:AlternateContent>
  <xr:revisionPtr revIDLastSave="0" documentId="13_ncr:1_{15A5FDE7-62F6-4DC2-AFA8-758E3C7B85EF}" xr6:coauthVersionLast="47" xr6:coauthVersionMax="47" xr10:uidLastSave="{00000000-0000-0000-0000-000000000000}"/>
  <bookViews>
    <workbookView xWindow="-108" yWindow="-108" windowWidth="23256" windowHeight="12456" xr2:uid="{00000000-000D-0000-FFFF-FFFF00000000}"/>
  </bookViews>
  <sheets>
    <sheet name="課題整理表" sheetId="1" r:id="rId1"/>
  </sheets>
  <definedNames>
    <definedName name="_xlnm.Print_Area" localSheetId="0">課題整理表!$A$1:$H$36</definedName>
    <definedName name="Z_0F1EAD76_6813_4464_A4B8_ED77B1D74A43_.wvu.PrintArea" localSheetId="0" hidden="1">課題整理表!$A$1:$H$36</definedName>
    <definedName name="Z_5D94C3C9_EAE6_44F7_85FD_FD7692A8F9C9_.wvu.PrintArea" localSheetId="0" hidden="1">課題整理表!$A$1:$H$36</definedName>
    <definedName name="Z_BD19D153_5FEC_4965_A80F_396D6C8E16C7_.wvu.PrintArea" localSheetId="0" hidden="1">課題整理表!$A$1:$H$36</definedName>
  </definedNames>
  <calcPr calcId="125725"/>
  <customWorkbookViews>
    <customWorkbookView name="齊木 大 - 個人用ビュー" guid="{0F1EAD76-6813-4464-A4B8-ED77B1D74A43}" mergeInterval="0" personalView="1" maximized="1" windowWidth="1277" windowHeight="782" activeSheetId="1"/>
    <customWorkbookView name="厚生労働省ネットワークシステム - 個人用ビュー" guid="{BD19D153-5FEC-4965-A80F-396D6C8E16C7}" mergeInterval="0" personalView="1" maximized="1" xWindow="1" yWindow="1" windowWidth="1276" windowHeight="671" activeSheetId="1" showComments="commIndAndComment"/>
    <customWorkbookView name="徳村 光太 - 個人用ビュー" guid="{5D94C3C9-EAE6-44F7-85FD-FD7692A8F9C9}" mergeInterval="0" personalView="1" maximized="1" windowWidth="1280" windowHeight="815" activeSheetId="1"/>
  </customWorkbookViews>
</workbook>
</file>

<file path=xl/sharedStrings.xml><?xml version="1.0" encoding="utf-8"?>
<sst xmlns="http://schemas.openxmlformats.org/spreadsheetml/2006/main" count="96" uniqueCount="51">
  <si>
    <t>室内移動</t>
    <rPh sb="0" eb="2">
      <t>シツナイ</t>
    </rPh>
    <rPh sb="2" eb="4">
      <t>イドウ</t>
    </rPh>
    <phoneticPr fontId="2"/>
  </si>
  <si>
    <t>屋外移動</t>
    <rPh sb="0" eb="2">
      <t>オクガイ</t>
    </rPh>
    <rPh sb="2" eb="4">
      <t>イドウ</t>
    </rPh>
    <phoneticPr fontId="2"/>
  </si>
  <si>
    <t>更衣</t>
    <rPh sb="0" eb="2">
      <t>コウイ</t>
    </rPh>
    <phoneticPr fontId="2"/>
  </si>
  <si>
    <t>入浴</t>
    <rPh sb="0" eb="2">
      <t>ニュウヨク</t>
    </rPh>
    <phoneticPr fontId="2"/>
  </si>
  <si>
    <t>掃除</t>
    <rPh sb="0" eb="2">
      <t>ソウジ</t>
    </rPh>
    <phoneticPr fontId="2"/>
  </si>
  <si>
    <t>洗濯</t>
    <rPh sb="0" eb="2">
      <t>センタク</t>
    </rPh>
    <phoneticPr fontId="2"/>
  </si>
  <si>
    <t>買物</t>
    <rPh sb="0" eb="2">
      <t>カイモノ</t>
    </rPh>
    <phoneticPr fontId="2"/>
  </si>
  <si>
    <t>整理・物品の管理</t>
    <rPh sb="0" eb="2">
      <t>セイリ</t>
    </rPh>
    <rPh sb="3" eb="5">
      <t>ブッピン</t>
    </rPh>
    <rPh sb="6" eb="8">
      <t>カンリ</t>
    </rPh>
    <phoneticPr fontId="2"/>
  </si>
  <si>
    <t>服薬</t>
    <rPh sb="0" eb="2">
      <t>フクヤク</t>
    </rPh>
    <phoneticPr fontId="2"/>
  </si>
  <si>
    <t>金銭管理</t>
    <rPh sb="0" eb="2">
      <t>キンセン</t>
    </rPh>
    <rPh sb="2" eb="4">
      <t>カンリ</t>
    </rPh>
    <phoneticPr fontId="2"/>
  </si>
  <si>
    <t>褥瘡・皮膚の問題</t>
    <rPh sb="0" eb="2">
      <t>ジョクソウ</t>
    </rPh>
    <rPh sb="3" eb="5">
      <t>ヒフ</t>
    </rPh>
    <rPh sb="6" eb="8">
      <t>モンダイ</t>
    </rPh>
    <phoneticPr fontId="2"/>
  </si>
  <si>
    <t>居住環境</t>
    <rPh sb="0" eb="2">
      <t>キョジュウ</t>
    </rPh>
    <rPh sb="2" eb="4">
      <t>カンキョウ</t>
    </rPh>
    <phoneticPr fontId="2"/>
  </si>
  <si>
    <t>社会との関わり</t>
    <rPh sb="0" eb="2">
      <t>シャカイ</t>
    </rPh>
    <rPh sb="4" eb="5">
      <t>カカ</t>
    </rPh>
    <phoneticPr fontId="2"/>
  </si>
  <si>
    <t>⑤</t>
    <phoneticPr fontId="2"/>
  </si>
  <si>
    <t>⑥</t>
    <phoneticPr fontId="2"/>
  </si>
  <si>
    <t>口腔</t>
    <rPh sb="0" eb="2">
      <t>コウクウ</t>
    </rPh>
    <phoneticPr fontId="2"/>
  </si>
  <si>
    <t>④</t>
    <phoneticPr fontId="2"/>
  </si>
  <si>
    <t>移動</t>
    <rPh sb="0" eb="2">
      <t>イドウ</t>
    </rPh>
    <phoneticPr fontId="2"/>
  </si>
  <si>
    <t>食事</t>
    <rPh sb="0" eb="2">
      <t>ショクジ</t>
    </rPh>
    <phoneticPr fontId="2"/>
  </si>
  <si>
    <t>食事内容</t>
    <rPh sb="0" eb="2">
      <t>ショクジ</t>
    </rPh>
    <rPh sb="2" eb="4">
      <t>ナイヨウ</t>
    </rPh>
    <phoneticPr fontId="2"/>
  </si>
  <si>
    <t>排泄</t>
    <rPh sb="0" eb="2">
      <t>ハイセツ</t>
    </rPh>
    <phoneticPr fontId="2"/>
  </si>
  <si>
    <t>排尿・排便</t>
    <rPh sb="0" eb="2">
      <t>ハイニョウ</t>
    </rPh>
    <rPh sb="3" eb="5">
      <t>ハイベン</t>
    </rPh>
    <phoneticPr fontId="2"/>
  </si>
  <si>
    <t>口腔ケア</t>
    <rPh sb="0" eb="2">
      <t>コウクウ</t>
    </rPh>
    <phoneticPr fontId="2"/>
  </si>
  <si>
    <t>口腔衛生</t>
    <rPh sb="0" eb="2">
      <t>コウクウ</t>
    </rPh>
    <rPh sb="2" eb="4">
      <t>エイセイ</t>
    </rPh>
    <phoneticPr fontId="2"/>
  </si>
  <si>
    <r>
      <t>介護力</t>
    </r>
    <r>
      <rPr>
        <sz val="10"/>
        <rFont val="ＭＳ Ｐゴシック"/>
        <family val="3"/>
        <charset val="128"/>
      </rPr>
      <t>（家族関係含む)</t>
    </r>
    <rPh sb="0" eb="2">
      <t>カイゴ</t>
    </rPh>
    <rPh sb="2" eb="3">
      <t>リョク</t>
    </rPh>
    <rPh sb="4" eb="6">
      <t>カゾク</t>
    </rPh>
    <rPh sb="6" eb="8">
      <t>カンケイ</t>
    </rPh>
    <rPh sb="8" eb="9">
      <t>フク</t>
    </rPh>
    <phoneticPr fontId="2"/>
  </si>
  <si>
    <t>認知</t>
    <rPh sb="0" eb="2">
      <t>ニンチ</t>
    </rPh>
    <phoneticPr fontId="2"/>
  </si>
  <si>
    <t>状況の事実　※１</t>
    <rPh sb="0" eb="2">
      <t>ジョウキョウ</t>
    </rPh>
    <rPh sb="3" eb="5">
      <t>ジジツ</t>
    </rPh>
    <phoneticPr fontId="2"/>
  </si>
  <si>
    <t>食事摂取</t>
    <rPh sb="0" eb="2">
      <t>ショクジ</t>
    </rPh>
    <rPh sb="2" eb="4">
      <t>セッシュ</t>
    </rPh>
    <phoneticPr fontId="2"/>
  </si>
  <si>
    <t>調理</t>
    <rPh sb="0" eb="2">
      <t>チョウリ</t>
    </rPh>
    <phoneticPr fontId="2"/>
  </si>
  <si>
    <t>排泄動作</t>
    <rPh sb="0" eb="2">
      <t>ハイセツ</t>
    </rPh>
    <rPh sb="2" eb="4">
      <t>ドウサ</t>
    </rPh>
    <phoneticPr fontId="2"/>
  </si>
  <si>
    <t>現在　※２</t>
    <rPh sb="0" eb="2">
      <t>ゲンザイ</t>
    </rPh>
    <phoneticPr fontId="2"/>
  </si>
  <si>
    <t>要因※３</t>
    <rPh sb="0" eb="2">
      <t>ヨウイン</t>
    </rPh>
    <phoneticPr fontId="2"/>
  </si>
  <si>
    <t>改善/維持の可能性※４</t>
    <rPh sb="0" eb="2">
      <t>カイゼン</t>
    </rPh>
    <rPh sb="3" eb="5">
      <t>イジ</t>
    </rPh>
    <rPh sb="6" eb="9">
      <t>カノウセイ</t>
    </rPh>
    <phoneticPr fontId="2"/>
  </si>
  <si>
    <t>コミュニケーション能力</t>
    <rPh sb="9" eb="11">
      <t>ノウリョク</t>
    </rPh>
    <phoneticPr fontId="2"/>
  </si>
  <si>
    <r>
      <t>備考</t>
    </r>
    <r>
      <rPr>
        <sz val="8"/>
        <rFont val="ＭＳ Ｐゴシック"/>
        <family val="3"/>
        <charset val="128"/>
      </rPr>
      <t>（状況・支援内容等）</t>
    </r>
    <rPh sb="0" eb="2">
      <t>ビコウ</t>
    </rPh>
    <rPh sb="3" eb="5">
      <t>ジョウキョウ</t>
    </rPh>
    <rPh sb="6" eb="8">
      <t>シエン</t>
    </rPh>
    <rPh sb="8" eb="10">
      <t>ナイヨウ</t>
    </rPh>
    <rPh sb="10" eb="11">
      <t>トウ</t>
    </rPh>
    <phoneticPr fontId="2"/>
  </si>
  <si>
    <r>
      <rPr>
        <sz val="11"/>
        <rFont val="ＭＳ Ｐゴシック"/>
        <family val="3"/>
        <charset val="128"/>
      </rPr>
      <t>自立した日常生活の
阻害要因</t>
    </r>
    <r>
      <rPr>
        <sz val="10"/>
        <rFont val="ＭＳ Ｐゴシック"/>
        <family val="3"/>
        <charset val="128"/>
      </rPr>
      <t xml:space="preserve">
(心身の状態、環境等)</t>
    </r>
    <rPh sb="0" eb="2">
      <t>ジリツ</t>
    </rPh>
    <rPh sb="4" eb="6">
      <t>ニチジョウ</t>
    </rPh>
    <rPh sb="6" eb="8">
      <t>セイカツ</t>
    </rPh>
    <rPh sb="10" eb="12">
      <t>ソガイ</t>
    </rPh>
    <rPh sb="12" eb="14">
      <t>ヨウイン</t>
    </rPh>
    <rPh sb="16" eb="18">
      <t>シンシン</t>
    </rPh>
    <rPh sb="19" eb="21">
      <t>ジョウタイ</t>
    </rPh>
    <rPh sb="22" eb="24">
      <t>カンキョウ</t>
    </rPh>
    <rPh sb="24" eb="25">
      <t>トウ</t>
    </rPh>
    <phoneticPr fontId="2"/>
  </si>
  <si>
    <t>行動・心理症状(BPSD)</t>
    <rPh sb="0" eb="2">
      <t>コウドウ</t>
    </rPh>
    <rPh sb="3" eb="5">
      <t>シンリ</t>
    </rPh>
    <rPh sb="5" eb="7">
      <t>ショウジョウ</t>
    </rPh>
    <phoneticPr fontId="2"/>
  </si>
  <si>
    <t>①</t>
    <phoneticPr fontId="2"/>
  </si>
  <si>
    <t>②</t>
    <phoneticPr fontId="2"/>
  </si>
  <si>
    <t>③</t>
    <phoneticPr fontId="2"/>
  </si>
  <si>
    <t>殿</t>
  </si>
  <si>
    <t>イニシャル</t>
    <phoneticPr fontId="2"/>
  </si>
  <si>
    <t>課題整理総括表(一部加工）</t>
    <rPh sb="0" eb="2">
      <t>カダイ</t>
    </rPh>
    <rPh sb="2" eb="4">
      <t>セイリ</t>
    </rPh>
    <rPh sb="4" eb="6">
      <t>ソウカツ</t>
    </rPh>
    <rPh sb="6" eb="7">
      <t>ヒョウ</t>
    </rPh>
    <rPh sb="8" eb="10">
      <t>イチブ</t>
    </rPh>
    <rPh sb="10" eb="12">
      <t>カコウ</t>
    </rPh>
    <phoneticPr fontId="2"/>
  </si>
  <si>
    <t>自立　   見守り　   一部介助　   全介助</t>
    <rPh sb="0" eb="2">
      <t>ジリツ</t>
    </rPh>
    <rPh sb="6" eb="8">
      <t>ミマモ</t>
    </rPh>
    <rPh sb="13" eb="15">
      <t>イチブ</t>
    </rPh>
    <rPh sb="15" eb="17">
      <t>カイジョ</t>
    </rPh>
    <rPh sb="21" eb="22">
      <t>ゼン</t>
    </rPh>
    <rPh sb="22" eb="24">
      <t>カイジョ</t>
    </rPh>
    <phoneticPr fontId="2"/>
  </si>
  <si>
    <t>支障なし　　支障あり</t>
    <rPh sb="0" eb="2">
      <t>シショウ</t>
    </rPh>
    <rPh sb="6" eb="8">
      <t>シショウ</t>
    </rPh>
    <phoneticPr fontId="2"/>
  </si>
  <si>
    <t>支障なし　　支障あり　　　</t>
    <phoneticPr fontId="2"/>
  </si>
  <si>
    <t>改善　　　維持　　　悪化</t>
    <rPh sb="0" eb="2">
      <t>カイゼン</t>
    </rPh>
    <rPh sb="5" eb="7">
      <t>イジ</t>
    </rPh>
    <rPh sb="10" eb="12">
      <t>アッカ</t>
    </rPh>
    <phoneticPr fontId="2"/>
  </si>
  <si>
    <t>利用者名</t>
    <rPh sb="0" eb="3">
      <t>リヨウシャ</t>
    </rPh>
    <rPh sb="3" eb="4">
      <t>メイ</t>
    </rPh>
    <phoneticPr fontId="2"/>
  </si>
  <si>
    <t>作成日　令和　     年　　　月　　　日　</t>
    <rPh sb="0" eb="3">
      <t>サクセイビ</t>
    </rPh>
    <rPh sb="4" eb="6">
      <t>レイワ</t>
    </rPh>
    <rPh sb="12" eb="13">
      <t>ネン</t>
    </rPh>
    <rPh sb="16" eb="17">
      <t>ガツ</t>
    </rPh>
    <rPh sb="20" eb="21">
      <t>ニチ</t>
    </rPh>
    <phoneticPr fontId="2"/>
  </si>
  <si>
    <r>
      <t>※1　</t>
    </r>
    <r>
      <rPr>
        <u/>
        <sz val="10"/>
        <color indexed="8"/>
        <rFont val="ＭＳ Ｐゴシック"/>
        <family val="3"/>
        <charset val="128"/>
      </rPr>
      <t>本書式は総括表でありアセスメントツールではないため、必ず別に詳細な情報収集・分析を行うこと。</t>
    </r>
    <r>
      <rPr>
        <sz val="10"/>
        <color indexed="8"/>
        <rFont val="ＭＳ Ｐゴシック"/>
        <family val="3"/>
        <charset val="128"/>
      </rPr>
      <t>なお「状況の事実」の各項目は課題分析標準項目に準拠しているが、必要に応じて追加して差し支えない。
※2　介護支援専門員が収集したた客観的事実を記載する。選択肢に○印を記入。
※3　現在の状況が「自立」あるいは「支障なし」以外である場合に、そのような状況をもたらしている要因を、様式上部の「要因」欄から選択し、該当する番号（丸数字）を記入する（複数の番号を記入可）。
※4　今回の認定有効期間における状況の改善/維持/悪化の可能性について、介護支援専門員の判断として選択肢に○印を記入する。</t>
    </r>
    <rPh sb="3" eb="4">
      <t>ホン</t>
    </rPh>
    <rPh sb="4" eb="6">
      <t>ショシキ</t>
    </rPh>
    <rPh sb="7" eb="10">
      <t>ソウカツヒョウ</t>
    </rPh>
    <rPh sb="29" eb="30">
      <t>カナラ</t>
    </rPh>
    <rPh sb="31" eb="32">
      <t>ベツ</t>
    </rPh>
    <rPh sb="33" eb="35">
      <t>ショウサイ</t>
    </rPh>
    <rPh sb="36" eb="38">
      <t>ジョウホウ</t>
    </rPh>
    <rPh sb="38" eb="40">
      <t>シュウシュウ</t>
    </rPh>
    <rPh sb="41" eb="43">
      <t>ブンセキ</t>
    </rPh>
    <rPh sb="44" eb="45">
      <t>オコナ</t>
    </rPh>
    <rPh sb="52" eb="54">
      <t>ジョウキョウ</t>
    </rPh>
    <rPh sb="55" eb="57">
      <t>ジジツ</t>
    </rPh>
    <rPh sb="59" eb="60">
      <t>カク</t>
    </rPh>
    <rPh sb="60" eb="62">
      <t>コウモク</t>
    </rPh>
    <rPh sb="63" eb="65">
      <t>カダイ</t>
    </rPh>
    <rPh sb="65" eb="67">
      <t>ブンセキ</t>
    </rPh>
    <rPh sb="67" eb="69">
      <t>ヒョウジュン</t>
    </rPh>
    <rPh sb="69" eb="71">
      <t>コウモク</t>
    </rPh>
    <rPh sb="72" eb="74">
      <t>ジュンキョ</t>
    </rPh>
    <rPh sb="80" eb="82">
      <t>ヒツヨウ</t>
    </rPh>
    <rPh sb="83" eb="84">
      <t>オウ</t>
    </rPh>
    <rPh sb="86" eb="88">
      <t>ツイカ</t>
    </rPh>
    <rPh sb="90" eb="91">
      <t>サ</t>
    </rPh>
    <rPh sb="92" eb="93">
      <t>ツカ</t>
    </rPh>
    <rPh sb="101" eb="108">
      <t>カイ</t>
    </rPh>
    <rPh sb="109" eb="111">
      <t>シュウシュウ</t>
    </rPh>
    <rPh sb="114" eb="117">
      <t>キャッカンテキ</t>
    </rPh>
    <rPh sb="117" eb="119">
      <t>ジジツ</t>
    </rPh>
    <rPh sb="120" eb="122">
      <t>キサイ</t>
    </rPh>
    <rPh sb="125" eb="128">
      <t>センタクシ</t>
    </rPh>
    <rPh sb="130" eb="131">
      <t>シルシ</t>
    </rPh>
    <rPh sb="132" eb="134">
      <t>キニュウ</t>
    </rPh>
    <rPh sb="139" eb="141">
      <t>ゲンザイ</t>
    </rPh>
    <rPh sb="142" eb="144">
      <t>ジョウキョウ</t>
    </rPh>
    <rPh sb="146" eb="148">
      <t>ジリツ</t>
    </rPh>
    <rPh sb="159" eb="161">
      <t>イガイ</t>
    </rPh>
    <rPh sb="164" eb="166">
      <t>バアイ</t>
    </rPh>
    <rPh sb="173" eb="175">
      <t>ジョウキョウ</t>
    </rPh>
    <rPh sb="183" eb="185">
      <t>ヨウイン</t>
    </rPh>
    <rPh sb="187" eb="189">
      <t>ヨウシキ</t>
    </rPh>
    <rPh sb="189" eb="191">
      <t>ジョウブ</t>
    </rPh>
    <rPh sb="193" eb="195">
      <t>ヨウイン</t>
    </rPh>
    <rPh sb="196" eb="197">
      <t>ラン</t>
    </rPh>
    <rPh sb="199" eb="201">
      <t>センタク</t>
    </rPh>
    <rPh sb="203" eb="205">
      <t>ガイトウ</t>
    </rPh>
    <rPh sb="207" eb="209">
      <t>バンゴウ</t>
    </rPh>
    <rPh sb="210" eb="211">
      <t>マル</t>
    </rPh>
    <rPh sb="211" eb="213">
      <t>スウジ</t>
    </rPh>
    <rPh sb="215" eb="217">
      <t>キニュウ</t>
    </rPh>
    <rPh sb="220" eb="222">
      <t>フクスウ</t>
    </rPh>
    <rPh sb="223" eb="225">
      <t>バンゴウ</t>
    </rPh>
    <rPh sb="226" eb="228">
      <t>キニュウ</t>
    </rPh>
    <rPh sb="228" eb="229">
      <t>カ</t>
    </rPh>
    <rPh sb="235" eb="237">
      <t>コンカイ</t>
    </rPh>
    <rPh sb="238" eb="240">
      <t>ニンテイ</t>
    </rPh>
    <rPh sb="240" eb="242">
      <t>ユウコウ</t>
    </rPh>
    <rPh sb="242" eb="244">
      <t>キカン</t>
    </rPh>
    <rPh sb="248" eb="250">
      <t>ジョウキョウ</t>
    </rPh>
    <rPh sb="251" eb="253">
      <t>カイゼン</t>
    </rPh>
    <rPh sb="254" eb="256">
      <t>イジ</t>
    </rPh>
    <rPh sb="257" eb="259">
      <t>アッカ</t>
    </rPh>
    <rPh sb="260" eb="263">
      <t>カノウセイ</t>
    </rPh>
    <rPh sb="268" eb="270">
      <t>カイゴ</t>
    </rPh>
    <rPh sb="270" eb="272">
      <t>シエン</t>
    </rPh>
    <rPh sb="272" eb="275">
      <t>センモンイン</t>
    </rPh>
    <rPh sb="276" eb="278">
      <t>ハンダン</t>
    </rPh>
    <rPh sb="281" eb="284">
      <t>センタクシ</t>
    </rPh>
    <rPh sb="286" eb="287">
      <t>シルシ</t>
    </rPh>
    <rPh sb="288" eb="290">
      <t>キニュウ</t>
    </rPh>
    <phoneticPr fontId="5"/>
  </si>
  <si>
    <t>(様式３）</t>
    <rPh sb="1" eb="3">
      <t>ヨウシ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7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u/>
      <sz val="10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0" borderId="13" xfId="0" applyBorder="1">
      <alignment vertical="center"/>
    </xf>
    <xf numFmtId="0" fontId="0" fillId="0" borderId="11" xfId="0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0" fillId="0" borderId="14" xfId="0" applyBorder="1" applyAlignment="1">
      <alignment horizontal="left" vertical="center"/>
    </xf>
    <xf numFmtId="0" fontId="0" fillId="0" borderId="15" xfId="0" applyBorder="1" applyAlignment="1" applyProtection="1">
      <alignment horizontal="left" vertical="center"/>
      <protection locked="0"/>
    </xf>
    <xf numFmtId="0" fontId="0" fillId="0" borderId="4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0" fontId="3" fillId="0" borderId="20" xfId="0" applyFont="1" applyBorder="1" applyAlignment="1">
      <alignment horizontal="center" vertical="center"/>
    </xf>
    <xf numFmtId="0" fontId="0" fillId="0" borderId="18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3" fillId="0" borderId="11" xfId="0" applyFont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8" xfId="0" applyBorder="1">
      <alignment vertical="center"/>
    </xf>
    <xf numFmtId="0" fontId="1" fillId="0" borderId="0" xfId="0" applyFont="1">
      <alignment vertical="center"/>
    </xf>
    <xf numFmtId="0" fontId="0" fillId="0" borderId="32" xfId="0" applyBorder="1">
      <alignment vertical="center"/>
    </xf>
    <xf numFmtId="0" fontId="0" fillId="0" borderId="33" xfId="0" applyBorder="1">
      <alignment vertical="center"/>
    </xf>
    <xf numFmtId="0" fontId="0" fillId="0" borderId="34" xfId="0" applyBorder="1">
      <alignment vertical="center"/>
    </xf>
    <xf numFmtId="0" fontId="8" fillId="0" borderId="0" xfId="0" applyFont="1" applyAlignment="1">
      <alignment horizontal="left" vertical="top" wrapText="1"/>
    </xf>
    <xf numFmtId="0" fontId="0" fillId="0" borderId="11" xfId="0" applyBorder="1" applyAlignment="1">
      <alignment horizontal="left" vertical="center"/>
    </xf>
    <xf numFmtId="0" fontId="0" fillId="0" borderId="15" xfId="0" applyBorder="1" applyAlignment="1">
      <alignment horizontal="left" vertical="center"/>
    </xf>
    <xf numFmtId="0" fontId="0" fillId="0" borderId="30" xfId="0" applyBorder="1" applyAlignment="1">
      <alignment horizontal="left" vertical="center"/>
    </xf>
    <xf numFmtId="0" fontId="0" fillId="0" borderId="31" xfId="0" applyBorder="1" applyAlignment="1">
      <alignment horizontal="left" vertical="center"/>
    </xf>
    <xf numFmtId="0" fontId="0" fillId="0" borderId="27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0" fillId="0" borderId="29" xfId="0" applyBorder="1" applyAlignment="1">
      <alignment horizontal="left" vertical="center"/>
    </xf>
    <xf numFmtId="0" fontId="9" fillId="0" borderId="0" xfId="0" applyFont="1" applyAlignment="1">
      <alignment horizontal="left" vertical="top" wrapText="1"/>
    </xf>
    <xf numFmtId="0" fontId="0" fillId="0" borderId="10" xfId="0" applyBorder="1" applyAlignment="1">
      <alignment horizontal="left" vertical="center"/>
    </xf>
    <xf numFmtId="0" fontId="0" fillId="0" borderId="21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0" xfId="0" applyAlignment="1">
      <alignment horizontal="center" vertical="center"/>
    </xf>
    <xf numFmtId="0" fontId="0" fillId="0" borderId="16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0" fillId="0" borderId="18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19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20" xfId="0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5" xfId="0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0" fillId="0" borderId="1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0" fillId="0" borderId="25" xfId="0" applyBorder="1" applyAlignment="1">
      <alignment horizontal="left" vertical="center"/>
    </xf>
    <xf numFmtId="0" fontId="0" fillId="0" borderId="26" xfId="0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36"/>
  <sheetViews>
    <sheetView showGridLines="0" tabSelected="1" view="pageLayout" zoomScaleNormal="85" workbookViewId="0">
      <selection activeCell="I8" sqref="I8"/>
    </sheetView>
  </sheetViews>
  <sheetFormatPr defaultRowHeight="13.2" x14ac:dyDescent="0.2"/>
  <cols>
    <col min="1" max="1" width="6.88671875" customWidth="1"/>
    <col min="2" max="2" width="6.33203125" customWidth="1"/>
    <col min="4" max="4" width="40.33203125" customWidth="1"/>
    <col min="5" max="5" width="16" customWidth="1"/>
    <col min="6" max="6" width="33.6640625" customWidth="1"/>
    <col min="7" max="7" width="56.88671875" customWidth="1"/>
    <col min="8" max="8" width="3" customWidth="1"/>
  </cols>
  <sheetData>
    <row r="1" spans="1:9" ht="23.25" customHeight="1" x14ac:dyDescent="0.2">
      <c r="A1" s="55" t="s">
        <v>42</v>
      </c>
      <c r="B1" s="55"/>
      <c r="C1" s="55"/>
      <c r="D1" s="55"/>
      <c r="E1" s="55"/>
      <c r="F1" s="55"/>
      <c r="G1" s="55"/>
      <c r="H1" s="55"/>
      <c r="I1" t="s">
        <v>50</v>
      </c>
    </row>
    <row r="2" spans="1:9" ht="12" customHeight="1" x14ac:dyDescent="0.2">
      <c r="A2" s="4" t="s">
        <v>47</v>
      </c>
      <c r="B2" s="4"/>
      <c r="C2" s="62" t="s">
        <v>41</v>
      </c>
      <c r="D2" s="63"/>
      <c r="E2" t="s">
        <v>40</v>
      </c>
      <c r="G2" s="4" t="s">
        <v>48</v>
      </c>
      <c r="H2" s="35"/>
    </row>
    <row r="3" spans="1:9" ht="5.25" customHeight="1" x14ac:dyDescent="0.2"/>
    <row r="4" spans="1:9" ht="5.25" customHeight="1" x14ac:dyDescent="0.2">
      <c r="D4" s="4"/>
      <c r="E4" s="4"/>
      <c r="F4" s="4"/>
      <c r="G4" s="4"/>
    </row>
    <row r="5" spans="1:9" ht="21" customHeight="1" x14ac:dyDescent="0.2">
      <c r="A5" s="56" t="s">
        <v>35</v>
      </c>
      <c r="B5" s="57"/>
      <c r="C5" s="57"/>
      <c r="D5" s="18" t="s">
        <v>37</v>
      </c>
      <c r="E5" s="65" t="s">
        <v>38</v>
      </c>
      <c r="F5" s="66"/>
      <c r="G5" s="5" t="s">
        <v>39</v>
      </c>
    </row>
    <row r="6" spans="1:9" ht="20.25" customHeight="1" x14ac:dyDescent="0.2">
      <c r="A6" s="58"/>
      <c r="B6" s="59"/>
      <c r="C6" s="59"/>
      <c r="D6" s="17" t="s">
        <v>16</v>
      </c>
      <c r="E6" s="67" t="s">
        <v>13</v>
      </c>
      <c r="F6" s="68"/>
      <c r="G6" s="6" t="s">
        <v>14</v>
      </c>
    </row>
    <row r="7" spans="1:9" ht="6" customHeight="1" x14ac:dyDescent="0.2">
      <c r="A7" s="34"/>
      <c r="B7" s="7"/>
      <c r="C7" s="7"/>
      <c r="D7" s="7"/>
      <c r="E7" s="7"/>
      <c r="F7" s="7"/>
      <c r="G7" s="8"/>
    </row>
    <row r="8" spans="1:9" ht="30" customHeight="1" x14ac:dyDescent="0.2">
      <c r="A8" s="13" t="s">
        <v>26</v>
      </c>
      <c r="B8" s="13"/>
      <c r="C8" s="13"/>
      <c r="D8" s="9" t="s">
        <v>30</v>
      </c>
      <c r="E8" s="9" t="s">
        <v>31</v>
      </c>
      <c r="F8" s="9" t="s">
        <v>32</v>
      </c>
      <c r="G8" s="10" t="s">
        <v>34</v>
      </c>
    </row>
    <row r="9" spans="1:9" ht="23.25" customHeight="1" x14ac:dyDescent="0.2">
      <c r="A9" s="22" t="s">
        <v>17</v>
      </c>
      <c r="B9" s="64" t="s">
        <v>0</v>
      </c>
      <c r="C9" s="64"/>
      <c r="D9" s="14" t="s">
        <v>43</v>
      </c>
      <c r="E9" s="1"/>
      <c r="F9" s="14" t="s">
        <v>46</v>
      </c>
      <c r="G9" s="36"/>
    </row>
    <row r="10" spans="1:9" ht="23.25" customHeight="1" x14ac:dyDescent="0.2">
      <c r="A10" s="24"/>
      <c r="B10" s="60" t="s">
        <v>1</v>
      </c>
      <c r="C10" s="60"/>
      <c r="D10" s="26" t="s">
        <v>43</v>
      </c>
      <c r="E10" s="30"/>
      <c r="F10" s="26" t="s">
        <v>46</v>
      </c>
      <c r="G10" s="3"/>
    </row>
    <row r="11" spans="1:9" ht="23.25" customHeight="1" x14ac:dyDescent="0.2">
      <c r="A11" s="22" t="s">
        <v>18</v>
      </c>
      <c r="B11" s="61" t="s">
        <v>19</v>
      </c>
      <c r="C11" s="61"/>
      <c r="D11" s="16" t="s">
        <v>44</v>
      </c>
      <c r="E11" s="12"/>
      <c r="F11" s="16" t="s">
        <v>46</v>
      </c>
      <c r="G11" s="36"/>
    </row>
    <row r="12" spans="1:9" ht="23.25" customHeight="1" x14ac:dyDescent="0.2">
      <c r="A12" s="23"/>
      <c r="B12" s="19" t="s">
        <v>27</v>
      </c>
      <c r="C12" s="19"/>
      <c r="D12" s="15" t="s">
        <v>43</v>
      </c>
      <c r="E12" s="11"/>
      <c r="F12" s="15" t="s">
        <v>46</v>
      </c>
      <c r="G12" s="37"/>
    </row>
    <row r="13" spans="1:9" ht="23.25" customHeight="1" x14ac:dyDescent="0.2">
      <c r="A13" s="24"/>
      <c r="B13" s="20" t="s">
        <v>28</v>
      </c>
      <c r="C13" s="21"/>
      <c r="D13" s="26" t="s">
        <v>43</v>
      </c>
      <c r="E13" s="30"/>
      <c r="F13" s="26" t="s">
        <v>46</v>
      </c>
      <c r="G13" s="3"/>
    </row>
    <row r="14" spans="1:9" ht="23.25" customHeight="1" x14ac:dyDescent="0.2">
      <c r="A14" s="22" t="s">
        <v>20</v>
      </c>
      <c r="B14" s="61" t="s">
        <v>21</v>
      </c>
      <c r="C14" s="61"/>
      <c r="D14" s="16" t="s">
        <v>44</v>
      </c>
      <c r="E14" s="31"/>
      <c r="F14" s="16" t="s">
        <v>46</v>
      </c>
      <c r="G14" s="36"/>
    </row>
    <row r="15" spans="1:9" ht="23.25" customHeight="1" x14ac:dyDescent="0.2">
      <c r="A15" s="24"/>
      <c r="B15" s="25" t="s">
        <v>29</v>
      </c>
      <c r="C15" s="25"/>
      <c r="D15" s="26" t="s">
        <v>43</v>
      </c>
      <c r="E15" s="30"/>
      <c r="F15" s="26" t="s">
        <v>46</v>
      </c>
      <c r="G15" s="3"/>
    </row>
    <row r="16" spans="1:9" ht="23.25" customHeight="1" x14ac:dyDescent="0.2">
      <c r="A16" s="22" t="s">
        <v>15</v>
      </c>
      <c r="B16" s="27" t="s">
        <v>23</v>
      </c>
      <c r="C16" s="28"/>
      <c r="D16" s="16" t="s">
        <v>44</v>
      </c>
      <c r="E16" s="31"/>
      <c r="F16" s="16" t="s">
        <v>46</v>
      </c>
      <c r="G16" s="36"/>
    </row>
    <row r="17" spans="1:7" ht="23.25" customHeight="1" x14ac:dyDescent="0.2">
      <c r="A17" s="24"/>
      <c r="B17" s="20" t="s">
        <v>22</v>
      </c>
      <c r="C17" s="21"/>
      <c r="D17" s="26" t="s">
        <v>43</v>
      </c>
      <c r="E17" s="32"/>
      <c r="F17" s="26" t="s">
        <v>46</v>
      </c>
      <c r="G17" s="3"/>
    </row>
    <row r="18" spans="1:7" ht="23.25" customHeight="1" x14ac:dyDescent="0.2">
      <c r="A18" s="41" t="s">
        <v>8</v>
      </c>
      <c r="B18" s="42"/>
      <c r="C18" s="43"/>
      <c r="D18" s="16" t="s">
        <v>43</v>
      </c>
      <c r="E18" s="31"/>
      <c r="F18" s="16" t="s">
        <v>46</v>
      </c>
      <c r="G18" s="2"/>
    </row>
    <row r="19" spans="1:7" ht="23.25" customHeight="1" x14ac:dyDescent="0.2">
      <c r="A19" s="44" t="s">
        <v>3</v>
      </c>
      <c r="B19" s="45"/>
      <c r="C19" s="46"/>
      <c r="D19" s="15" t="s">
        <v>43</v>
      </c>
      <c r="E19" s="33"/>
      <c r="F19" s="15" t="s">
        <v>46</v>
      </c>
      <c r="G19" s="38"/>
    </row>
    <row r="20" spans="1:7" ht="23.25" customHeight="1" x14ac:dyDescent="0.2">
      <c r="A20" s="44" t="s">
        <v>2</v>
      </c>
      <c r="B20" s="45"/>
      <c r="C20" s="46"/>
      <c r="D20" s="15" t="s">
        <v>43</v>
      </c>
      <c r="E20" s="33"/>
      <c r="F20" s="15" t="s">
        <v>46</v>
      </c>
      <c r="G20" s="38"/>
    </row>
    <row r="21" spans="1:7" ht="23.25" customHeight="1" x14ac:dyDescent="0.2">
      <c r="A21" s="44" t="s">
        <v>4</v>
      </c>
      <c r="B21" s="45"/>
      <c r="C21" s="46"/>
      <c r="D21" s="15" t="s">
        <v>43</v>
      </c>
      <c r="E21" s="11"/>
      <c r="F21" s="15" t="s">
        <v>46</v>
      </c>
      <c r="G21" s="37"/>
    </row>
    <row r="22" spans="1:7" ht="23.25" customHeight="1" x14ac:dyDescent="0.2">
      <c r="A22" s="44" t="s">
        <v>5</v>
      </c>
      <c r="B22" s="45"/>
      <c r="C22" s="46"/>
      <c r="D22" s="15" t="s">
        <v>43</v>
      </c>
      <c r="E22" s="11"/>
      <c r="F22" s="15" t="s">
        <v>46</v>
      </c>
      <c r="G22" s="37"/>
    </row>
    <row r="23" spans="1:7" ht="23.25" customHeight="1" x14ac:dyDescent="0.2">
      <c r="A23" s="44" t="s">
        <v>7</v>
      </c>
      <c r="B23" s="45"/>
      <c r="C23" s="46"/>
      <c r="D23" s="15" t="s">
        <v>43</v>
      </c>
      <c r="E23" s="11"/>
      <c r="F23" s="15" t="s">
        <v>46</v>
      </c>
      <c r="G23" s="37"/>
    </row>
    <row r="24" spans="1:7" ht="23.25" customHeight="1" x14ac:dyDescent="0.2">
      <c r="A24" s="44" t="s">
        <v>9</v>
      </c>
      <c r="B24" s="45"/>
      <c r="C24" s="46"/>
      <c r="D24" s="15" t="s">
        <v>43</v>
      </c>
      <c r="E24" s="33"/>
      <c r="F24" s="15" t="s">
        <v>46</v>
      </c>
      <c r="G24" s="37"/>
    </row>
    <row r="25" spans="1:7" ht="23.25" customHeight="1" x14ac:dyDescent="0.2">
      <c r="A25" s="52" t="s">
        <v>6</v>
      </c>
      <c r="B25" s="53"/>
      <c r="C25" s="54"/>
      <c r="D25" s="26" t="s">
        <v>43</v>
      </c>
      <c r="E25" s="30"/>
      <c r="F25" s="26" t="s">
        <v>46</v>
      </c>
      <c r="G25" s="2"/>
    </row>
    <row r="26" spans="1:7" ht="23.25" customHeight="1" x14ac:dyDescent="0.2">
      <c r="A26" s="48" t="s">
        <v>33</v>
      </c>
      <c r="B26" s="49"/>
      <c r="C26" s="50"/>
      <c r="D26" s="16" t="s">
        <v>45</v>
      </c>
      <c r="E26" s="12"/>
      <c r="F26" s="14" t="s">
        <v>46</v>
      </c>
      <c r="G26" s="1"/>
    </row>
    <row r="27" spans="1:7" ht="23.25" customHeight="1" x14ac:dyDescent="0.2">
      <c r="A27" s="48" t="s">
        <v>25</v>
      </c>
      <c r="B27" s="49"/>
      <c r="C27" s="50"/>
      <c r="D27" s="16" t="s">
        <v>45</v>
      </c>
      <c r="E27" s="13"/>
      <c r="F27" s="14" t="s">
        <v>46</v>
      </c>
      <c r="G27" s="1"/>
    </row>
    <row r="28" spans="1:7" ht="23.25" customHeight="1" x14ac:dyDescent="0.2">
      <c r="A28" s="40" t="s">
        <v>12</v>
      </c>
      <c r="B28" s="40"/>
      <c r="C28" s="40"/>
      <c r="D28" s="16" t="s">
        <v>45</v>
      </c>
      <c r="E28" s="13"/>
      <c r="F28" s="14" t="s">
        <v>46</v>
      </c>
      <c r="G28" s="13"/>
    </row>
    <row r="29" spans="1:7" ht="23.25" customHeight="1" x14ac:dyDescent="0.2">
      <c r="A29" s="40" t="s">
        <v>10</v>
      </c>
      <c r="B29" s="40"/>
      <c r="C29" s="40"/>
      <c r="D29" s="16" t="s">
        <v>45</v>
      </c>
      <c r="E29" s="13"/>
      <c r="F29" s="14" t="s">
        <v>46</v>
      </c>
      <c r="G29" s="13"/>
    </row>
    <row r="30" spans="1:7" ht="23.25" customHeight="1" x14ac:dyDescent="0.2">
      <c r="A30" s="40" t="s">
        <v>36</v>
      </c>
      <c r="B30" s="40"/>
      <c r="C30" s="40"/>
      <c r="D30" s="16" t="s">
        <v>45</v>
      </c>
      <c r="E30" s="13"/>
      <c r="F30" s="14" t="s">
        <v>46</v>
      </c>
      <c r="G30" s="13"/>
    </row>
    <row r="31" spans="1:7" ht="23.25" customHeight="1" x14ac:dyDescent="0.2">
      <c r="A31" s="40" t="s">
        <v>24</v>
      </c>
      <c r="B31" s="40"/>
      <c r="C31" s="40"/>
      <c r="D31" s="16" t="s">
        <v>45</v>
      </c>
      <c r="E31" s="13"/>
      <c r="F31" s="14" t="s">
        <v>46</v>
      </c>
      <c r="G31" s="2"/>
    </row>
    <row r="32" spans="1:7" ht="23.25" customHeight="1" x14ac:dyDescent="0.2">
      <c r="A32" s="48" t="s">
        <v>11</v>
      </c>
      <c r="B32" s="49"/>
      <c r="C32" s="50"/>
      <c r="D32" s="16" t="s">
        <v>45</v>
      </c>
      <c r="E32" s="9"/>
      <c r="F32" s="14" t="s">
        <v>46</v>
      </c>
      <c r="G32" s="13"/>
    </row>
    <row r="33" spans="1:8" ht="23.25" customHeight="1" x14ac:dyDescent="0.2">
      <c r="A33" s="40"/>
      <c r="B33" s="40"/>
      <c r="C33" s="40"/>
      <c r="D33" s="13"/>
      <c r="E33" s="13"/>
      <c r="F33" s="29" t="s">
        <v>46</v>
      </c>
      <c r="G33" s="3"/>
    </row>
    <row r="34" spans="1:8" ht="8.25" customHeight="1" x14ac:dyDescent="0.2">
      <c r="A34" s="51"/>
      <c r="B34" s="51"/>
      <c r="C34" s="51"/>
    </row>
    <row r="35" spans="1:8" ht="13.5" customHeight="1" x14ac:dyDescent="0.2">
      <c r="A35" s="47" t="s">
        <v>49</v>
      </c>
      <c r="B35" s="47"/>
      <c r="C35" s="47"/>
      <c r="D35" s="47"/>
      <c r="E35" s="47"/>
      <c r="F35" s="47"/>
      <c r="G35" s="47"/>
      <c r="H35" s="39"/>
    </row>
    <row r="36" spans="1:8" ht="39.6" customHeight="1" x14ac:dyDescent="0.2">
      <c r="A36" s="47"/>
      <c r="B36" s="47"/>
      <c r="C36" s="47"/>
      <c r="D36" s="47"/>
      <c r="E36" s="47"/>
      <c r="F36" s="47"/>
      <c r="G36" s="47"/>
      <c r="H36" s="39"/>
    </row>
  </sheetData>
  <customSheetViews>
    <customSheetView guid="{0F1EAD76-6813-4464-A4B8-ED77B1D74A43}" scale="85" showPageBreaks="1" showGridLines="0" printArea="1" topLeftCell="A11">
      <selection activeCell="H37" sqref="H37:K38"/>
      <pageMargins left="0" right="0" top="0" bottom="0" header="0.51181102362204722" footer="0.51181102362204722"/>
      <pageSetup paperSize="9" scale="78" orientation="landscape" verticalDpi="300"/>
      <headerFooter alignWithMargins="0"/>
    </customSheetView>
    <customSheetView guid="{BD19D153-5FEC-4965-A80F-396D6C8E16C7}" scale="85" showPageBreaks="1" printArea="1">
      <selection activeCell="G26" sqref="G26"/>
      <pageMargins left="0" right="0" top="0" bottom="0" header="0.51181102362204722" footer="0.51181102362204722"/>
      <pageSetup paperSize="9" scale="78" orientation="landscape" verticalDpi="300"/>
      <headerFooter alignWithMargins="0"/>
    </customSheetView>
    <customSheetView guid="{5D94C3C9-EAE6-44F7-85FD-FD7692A8F9C9}" scale="85" showGridLines="0">
      <selection activeCell="F12" sqref="F12"/>
      <pageMargins left="0" right="0" top="0" bottom="0" header="0.51181102362204722" footer="0.51181102362204722"/>
      <pageSetup paperSize="9" scale="78" orientation="landscape" verticalDpi="300"/>
      <headerFooter alignWithMargins="0"/>
    </customSheetView>
  </customSheetViews>
  <mergeCells count="28">
    <mergeCell ref="A26:C26"/>
    <mergeCell ref="A24:C24"/>
    <mergeCell ref="A21:C21"/>
    <mergeCell ref="A1:H1"/>
    <mergeCell ref="A5:C6"/>
    <mergeCell ref="B10:C10"/>
    <mergeCell ref="B11:C11"/>
    <mergeCell ref="B14:C14"/>
    <mergeCell ref="C2:D2"/>
    <mergeCell ref="B9:C9"/>
    <mergeCell ref="E5:F5"/>
    <mergeCell ref="E6:F6"/>
    <mergeCell ref="H35:H36"/>
    <mergeCell ref="A30:C30"/>
    <mergeCell ref="A29:C29"/>
    <mergeCell ref="A28:C28"/>
    <mergeCell ref="A18:C18"/>
    <mergeCell ref="A23:C23"/>
    <mergeCell ref="A35:G36"/>
    <mergeCell ref="A31:C31"/>
    <mergeCell ref="A32:C32"/>
    <mergeCell ref="A34:C34"/>
    <mergeCell ref="A25:C25"/>
    <mergeCell ref="A27:C27"/>
    <mergeCell ref="A33:C33"/>
    <mergeCell ref="A19:C19"/>
    <mergeCell ref="A20:C20"/>
    <mergeCell ref="A22:C22"/>
  </mergeCells>
  <phoneticPr fontId="2"/>
  <pageMargins left="0" right="0" top="0" bottom="0" header="0.51181102362204722" footer="0.51181102362204722"/>
  <pageSetup paperSize="9" scale="80" orientation="landscape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課題整理表</vt:lpstr>
      <vt:lpstr>課題整理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淺田 玲子</dc:creator>
  <cp:lastModifiedBy>川田 咲</cp:lastModifiedBy>
  <cp:lastPrinted>2024-04-01T02:58:31Z</cp:lastPrinted>
  <dcterms:created xsi:type="dcterms:W3CDTF">2021-06-03T06:50:15Z</dcterms:created>
  <dcterms:modified xsi:type="dcterms:W3CDTF">2024-04-17T03:00:34Z</dcterms:modified>
</cp:coreProperties>
</file>